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74 Fixačné háčiky na viazanie stehov\02. Príprava\05. PTK\02. Odoslané\"/>
    </mc:Choice>
  </mc:AlternateContent>
  <bookViews>
    <workbookView xWindow="0" yWindow="0" windowWidth="14265" windowHeight="14850"/>
  </bookViews>
  <sheets>
    <sheet name="Kalkulacia_Sortiment" sheetId="15" r:id="rId1"/>
  </sheets>
  <definedNames>
    <definedName name="_xlnm.Print_Area" localSheetId="0">Kalkulacia_Sortiment!$A$1:$O$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8" i="15" l="1"/>
  <c r="N9" i="15"/>
  <c r="N10" i="15"/>
  <c r="L8" i="15"/>
  <c r="M8" i="15" s="1"/>
  <c r="O8" i="15" s="1"/>
  <c r="L9" i="15"/>
  <c r="M9" i="15" s="1"/>
  <c r="O9" i="15" s="1"/>
  <c r="L10" i="15"/>
  <c r="M10" i="15" s="1"/>
  <c r="O10" i="15" s="1"/>
  <c r="N7" i="15"/>
  <c r="L7" i="15"/>
  <c r="M7" i="15" s="1"/>
  <c r="O7" i="15" s="1"/>
  <c r="N11" i="15" l="1"/>
  <c r="O11" i="15"/>
</calcChain>
</file>

<file path=xl/sharedStrings.xml><?xml version="1.0" encoding="utf-8"?>
<sst xmlns="http://schemas.openxmlformats.org/spreadsheetml/2006/main" count="179" uniqueCount="66"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Fixačné háčiky na viazanie stehov pri minithorakoskopii</t>
  </si>
  <si>
    <t xml:space="preserve">Sortiment položky č. 1 - Fixačné háčiky na viazanie stehov pri minithorakoskopii </t>
  </si>
  <si>
    <t>Fixačné háčiky, sterilné</t>
  </si>
  <si>
    <t>Aplikátory dĺžka 31 cm</t>
  </si>
  <si>
    <t>Aplikátory dĺžka 17 cm</t>
  </si>
  <si>
    <t>Sada - Aplikátory dĺžka 31 cm (+/- 2%) + 12 ks fixačné háčiky</t>
  </si>
  <si>
    <t>Sortiment položky č. 2 - Aplikátory dĺžka 31 cm</t>
  </si>
  <si>
    <t>Sortiment položky č. 3 - Aplikátory dĺžka 17 cm</t>
  </si>
  <si>
    <t>Sortiment položky č. 4 - Sada - Aplikátory dĺžka 31 cm (+/- 2%) + 12 ks fixačné háčiky</t>
  </si>
  <si>
    <t>balenie 
(2 x aplikátor)</t>
  </si>
  <si>
    <t>sada
(2x aplikátor + 12 x háčik)</t>
  </si>
  <si>
    <t>balenie 
(6 x háčik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8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1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12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2" fillId="0" borderId="0" xfId="2" applyFont="1" applyFill="1" applyBorder="1" applyAlignment="1">
      <alignment vertical="center"/>
    </xf>
    <xf numFmtId="0" fontId="12" fillId="0" borderId="0" xfId="2" applyFont="1" applyAlignment="1">
      <alignment vertical="center"/>
    </xf>
    <xf numFmtId="0" fontId="12" fillId="0" borderId="0" xfId="2" applyFont="1" applyBorder="1" applyAlignment="1">
      <alignment horizontal="center" vertical="center" wrapText="1"/>
    </xf>
    <xf numFmtId="164" fontId="12" fillId="0" borderId="0" xfId="2" applyNumberFormat="1" applyFont="1" applyFill="1" applyBorder="1" applyAlignment="1">
      <alignment horizontal="right" vertical="center"/>
    </xf>
    <xf numFmtId="165" fontId="12" fillId="0" borderId="0" xfId="2" applyNumberFormat="1" applyFont="1" applyFill="1" applyBorder="1" applyAlignment="1">
      <alignment horizontal="right" vertical="center"/>
    </xf>
    <xf numFmtId="0" fontId="12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0" fontId="12" fillId="0" borderId="0" xfId="2" applyFont="1" applyFill="1" applyBorder="1"/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Fill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3" fontId="2" fillId="5" borderId="6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0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7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6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64"/>
  <sheetViews>
    <sheetView showGridLines="0" tabSelected="1" zoomScaleNormal="100" workbookViewId="0">
      <selection activeCell="C7" sqref="C7"/>
    </sheetView>
  </sheetViews>
  <sheetFormatPr defaultColWidth="9.140625" defaultRowHeight="12" x14ac:dyDescent="0.2"/>
  <cols>
    <col min="1" max="1" width="5" style="108" customWidth="1"/>
    <col min="2" max="2" width="23.85546875" style="108" customWidth="1"/>
    <col min="3" max="3" width="12.7109375" style="108" customWidth="1"/>
    <col min="4" max="4" width="13.7109375" style="109" customWidth="1"/>
    <col min="5" max="6" width="12.7109375" style="109" customWidth="1"/>
    <col min="7" max="11" width="12.7109375" style="110" customWidth="1"/>
    <col min="12" max="13" width="12.7109375" style="111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60" t="s">
        <v>37</v>
      </c>
      <c r="B1" s="160"/>
      <c r="C1" s="160"/>
      <c r="D1" s="160"/>
      <c r="E1" s="160"/>
      <c r="F1" s="160"/>
      <c r="G1" s="160"/>
      <c r="H1" s="160"/>
      <c r="I1" s="160"/>
      <c r="J1" s="160"/>
      <c r="K1" s="160"/>
      <c r="L1" s="160"/>
      <c r="M1" s="160"/>
      <c r="N1" s="160"/>
      <c r="O1" s="160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6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61" t="s">
        <v>54</v>
      </c>
      <c r="B3" s="161"/>
      <c r="C3" s="161"/>
      <c r="D3" s="161"/>
      <c r="E3" s="161"/>
      <c r="F3" s="161"/>
      <c r="G3" s="161"/>
      <c r="H3" s="161"/>
      <c r="I3" s="161"/>
      <c r="J3" s="161"/>
      <c r="K3" s="161"/>
      <c r="L3" s="161"/>
      <c r="M3" s="161"/>
      <c r="N3" s="161"/>
    </row>
    <row r="4" spans="1:64" s="24" customFormat="1" ht="40.5" customHeight="1" x14ac:dyDescent="0.25">
      <c r="A4" s="162" t="s">
        <v>7</v>
      </c>
      <c r="B4" s="164" t="s">
        <v>38</v>
      </c>
      <c r="C4" s="162" t="s">
        <v>8</v>
      </c>
      <c r="D4" s="166" t="s">
        <v>53</v>
      </c>
      <c r="E4" s="166" t="s">
        <v>30</v>
      </c>
      <c r="F4" s="155" t="s">
        <v>51</v>
      </c>
      <c r="G4" s="155" t="s">
        <v>9</v>
      </c>
      <c r="H4" s="155" t="s">
        <v>16</v>
      </c>
      <c r="I4" s="23" t="s">
        <v>31</v>
      </c>
      <c r="J4" s="157" t="s">
        <v>50</v>
      </c>
      <c r="K4" s="158"/>
      <c r="L4" s="158"/>
      <c r="M4" s="159"/>
      <c r="N4" s="158" t="s">
        <v>49</v>
      </c>
      <c r="O4" s="159"/>
      <c r="Q4" s="25"/>
      <c r="R4" s="25"/>
    </row>
    <row r="5" spans="1:64" s="24" customFormat="1" ht="33" customHeight="1" x14ac:dyDescent="0.25">
      <c r="A5" s="163"/>
      <c r="B5" s="165"/>
      <c r="C5" s="163"/>
      <c r="D5" s="167"/>
      <c r="E5" s="167"/>
      <c r="F5" s="156"/>
      <c r="G5" s="156"/>
      <c r="H5" s="156"/>
      <c r="I5" s="26"/>
      <c r="J5" s="27" t="s">
        <v>17</v>
      </c>
      <c r="K5" s="28" t="s">
        <v>48</v>
      </c>
      <c r="L5" s="29" t="s">
        <v>39</v>
      </c>
      <c r="M5" s="30" t="s">
        <v>18</v>
      </c>
      <c r="N5" s="31" t="s">
        <v>17</v>
      </c>
      <c r="O5" s="32" t="s">
        <v>18</v>
      </c>
      <c r="Q5" s="25"/>
      <c r="R5" s="25"/>
    </row>
    <row r="6" spans="1:64" s="3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9</v>
      </c>
      <c r="E6" s="115" t="s">
        <v>20</v>
      </c>
      <c r="F6" s="115" t="s">
        <v>21</v>
      </c>
      <c r="G6" s="33" t="s">
        <v>22</v>
      </c>
      <c r="H6" s="33" t="s">
        <v>23</v>
      </c>
      <c r="I6" s="33" t="s">
        <v>24</v>
      </c>
      <c r="J6" s="33" t="s">
        <v>25</v>
      </c>
      <c r="K6" s="33" t="s">
        <v>26</v>
      </c>
      <c r="L6" s="114" t="s">
        <v>27</v>
      </c>
      <c r="M6" s="114" t="s">
        <v>28</v>
      </c>
      <c r="N6" s="114" t="s">
        <v>29</v>
      </c>
      <c r="O6" s="114">
        <v>15</v>
      </c>
      <c r="Q6" s="35"/>
      <c r="R6" s="35"/>
    </row>
    <row r="7" spans="1:64" s="43" customFormat="1" ht="61.5" customHeight="1" x14ac:dyDescent="0.25">
      <c r="A7" s="116" t="s">
        <v>0</v>
      </c>
      <c r="B7" s="36" t="s">
        <v>56</v>
      </c>
      <c r="C7" s="133" t="s">
        <v>65</v>
      </c>
      <c r="D7" s="134">
        <v>270</v>
      </c>
      <c r="E7" s="3"/>
      <c r="F7" s="3"/>
      <c r="G7" s="3"/>
      <c r="H7" s="3"/>
      <c r="I7" s="3"/>
      <c r="J7" s="37"/>
      <c r="K7" s="38"/>
      <c r="L7" s="39">
        <f>J7*K7</f>
        <v>0</v>
      </c>
      <c r="M7" s="40">
        <f>J7+L7</f>
        <v>0</v>
      </c>
      <c r="N7" s="41">
        <f t="shared" ref="N7:N10" si="0">D7*J7</f>
        <v>0</v>
      </c>
      <c r="O7" s="42">
        <f>D7*M7</f>
        <v>0</v>
      </c>
      <c r="Q7" s="35"/>
      <c r="R7" s="35"/>
    </row>
    <row r="8" spans="1:64" s="43" customFormat="1" ht="61.5" customHeight="1" x14ac:dyDescent="0.25">
      <c r="A8" s="116" t="s">
        <v>10</v>
      </c>
      <c r="B8" s="36" t="s">
        <v>57</v>
      </c>
      <c r="C8" s="133" t="s">
        <v>63</v>
      </c>
      <c r="D8" s="134">
        <v>30</v>
      </c>
      <c r="E8" s="3"/>
      <c r="F8" s="3"/>
      <c r="G8" s="3"/>
      <c r="H8" s="3"/>
      <c r="I8" s="3"/>
      <c r="J8" s="37"/>
      <c r="K8" s="38"/>
      <c r="L8" s="39">
        <f t="shared" ref="L8:L10" si="1">J8*K8</f>
        <v>0</v>
      </c>
      <c r="M8" s="40">
        <f t="shared" ref="M8:M10" si="2">J8+L8</f>
        <v>0</v>
      </c>
      <c r="N8" s="41">
        <f t="shared" si="0"/>
        <v>0</v>
      </c>
      <c r="O8" s="42">
        <f t="shared" ref="O8:O10" si="3">D8*M8</f>
        <v>0</v>
      </c>
      <c r="Q8" s="35"/>
      <c r="R8" s="35"/>
    </row>
    <row r="9" spans="1:64" s="43" customFormat="1" ht="61.5" customHeight="1" x14ac:dyDescent="0.25">
      <c r="A9" s="116" t="s">
        <v>11</v>
      </c>
      <c r="B9" s="36" t="s">
        <v>58</v>
      </c>
      <c r="C9" s="133" t="s">
        <v>63</v>
      </c>
      <c r="D9" s="134">
        <v>30</v>
      </c>
      <c r="E9" s="3"/>
      <c r="F9" s="3"/>
      <c r="G9" s="3"/>
      <c r="H9" s="3"/>
      <c r="I9" s="3"/>
      <c r="J9" s="37"/>
      <c r="K9" s="38"/>
      <c r="L9" s="39">
        <f t="shared" si="1"/>
        <v>0</v>
      </c>
      <c r="M9" s="40">
        <f t="shared" si="2"/>
        <v>0</v>
      </c>
      <c r="N9" s="41">
        <f t="shared" si="0"/>
        <v>0</v>
      </c>
      <c r="O9" s="42">
        <f t="shared" si="3"/>
        <v>0</v>
      </c>
      <c r="Q9" s="35"/>
      <c r="R9" s="35"/>
    </row>
    <row r="10" spans="1:64" s="43" customFormat="1" ht="61.5" customHeight="1" thickBot="1" x14ac:dyDescent="0.3">
      <c r="A10" s="116" t="s">
        <v>19</v>
      </c>
      <c r="B10" s="36" t="s">
        <v>59</v>
      </c>
      <c r="C10" s="133" t="s">
        <v>64</v>
      </c>
      <c r="D10" s="134">
        <v>30</v>
      </c>
      <c r="E10" s="3"/>
      <c r="F10" s="3"/>
      <c r="G10" s="3"/>
      <c r="H10" s="3"/>
      <c r="I10" s="3"/>
      <c r="J10" s="37"/>
      <c r="K10" s="38"/>
      <c r="L10" s="39">
        <f t="shared" si="1"/>
        <v>0</v>
      </c>
      <c r="M10" s="40">
        <f t="shared" si="2"/>
        <v>0</v>
      </c>
      <c r="N10" s="41">
        <f t="shared" si="0"/>
        <v>0</v>
      </c>
      <c r="O10" s="42">
        <f t="shared" si="3"/>
        <v>0</v>
      </c>
      <c r="Q10" s="35"/>
      <c r="R10" s="35"/>
    </row>
    <row r="11" spans="1:64" s="48" customFormat="1" ht="33" customHeight="1" thickBot="1" x14ac:dyDescent="0.3">
      <c r="A11" s="44"/>
      <c r="B11" s="45"/>
      <c r="C11" s="45"/>
      <c r="D11" s="45"/>
      <c r="E11" s="45"/>
      <c r="F11" s="46"/>
      <c r="G11" s="46"/>
      <c r="H11" s="46"/>
      <c r="I11" s="46"/>
      <c r="J11" s="45"/>
      <c r="K11" s="45"/>
      <c r="L11" s="47" t="s">
        <v>12</v>
      </c>
      <c r="M11" s="47"/>
      <c r="N11" s="125" t="e">
        <f>SUM(#REF!)</f>
        <v>#REF!</v>
      </c>
      <c r="O11" s="126" t="e">
        <f>SUM(#REF!)</f>
        <v>#REF!</v>
      </c>
      <c r="Q11" s="49"/>
      <c r="R11" s="49"/>
    </row>
    <row r="12" spans="1:64" s="48" customFormat="1" ht="12" customHeight="1" x14ac:dyDescent="0.25">
      <c r="A12" s="44"/>
      <c r="B12" s="45"/>
      <c r="C12" s="45"/>
      <c r="D12" s="45"/>
      <c r="E12" s="45"/>
      <c r="F12" s="46"/>
      <c r="G12" s="46"/>
      <c r="H12" s="46"/>
      <c r="I12" s="46"/>
      <c r="J12" s="45"/>
      <c r="K12" s="45"/>
      <c r="L12" s="47"/>
      <c r="M12" s="47"/>
      <c r="N12" s="50"/>
      <c r="O12" s="50"/>
      <c r="Q12" s="49"/>
      <c r="R12" s="49"/>
    </row>
    <row r="13" spans="1:64" s="53" customFormat="1" ht="29.25" customHeight="1" x14ac:dyDescent="0.25">
      <c r="A13" s="139" t="s">
        <v>55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139"/>
      <c r="M13" s="51"/>
      <c r="N13" s="52"/>
      <c r="O13" s="52"/>
      <c r="P13" s="52"/>
      <c r="Q13" s="52"/>
      <c r="R13" s="52"/>
    </row>
    <row r="14" spans="1:64" s="55" customFormat="1" ht="33" customHeight="1" x14ac:dyDescent="0.25">
      <c r="A14" s="140" t="s">
        <v>7</v>
      </c>
      <c r="B14" s="140" t="s">
        <v>30</v>
      </c>
      <c r="C14" s="140" t="s">
        <v>51</v>
      </c>
      <c r="D14" s="140" t="s">
        <v>9</v>
      </c>
      <c r="E14" s="120" t="s">
        <v>31</v>
      </c>
      <c r="F14" s="140" t="s">
        <v>32</v>
      </c>
      <c r="G14" s="140" t="s">
        <v>52</v>
      </c>
      <c r="H14" s="140" t="s">
        <v>33</v>
      </c>
      <c r="I14" s="142" t="s">
        <v>34</v>
      </c>
      <c r="J14" s="143"/>
      <c r="K14" s="143"/>
      <c r="L14" s="144" t="s">
        <v>40</v>
      </c>
      <c r="M14" s="54"/>
      <c r="N14" s="135"/>
      <c r="O14" s="135"/>
      <c r="P14" s="25"/>
      <c r="Q14" s="25"/>
      <c r="R14" s="25"/>
    </row>
    <row r="15" spans="1:64" s="55" customFormat="1" ht="23.25" customHeight="1" x14ac:dyDescent="0.25">
      <c r="A15" s="141"/>
      <c r="B15" s="141"/>
      <c r="C15" s="141"/>
      <c r="D15" s="141"/>
      <c r="E15" s="121"/>
      <c r="F15" s="141"/>
      <c r="G15" s="141"/>
      <c r="H15" s="141"/>
      <c r="I15" s="5" t="s">
        <v>17</v>
      </c>
      <c r="J15" s="6" t="s">
        <v>35</v>
      </c>
      <c r="K15" s="7" t="s">
        <v>18</v>
      </c>
      <c r="L15" s="145"/>
      <c r="M15" s="54"/>
      <c r="N15" s="56"/>
      <c r="O15" s="56"/>
      <c r="P15" s="25"/>
      <c r="Q15" s="25"/>
      <c r="R15" s="25"/>
    </row>
    <row r="16" spans="1:64" s="67" customFormat="1" ht="14.1" customHeight="1" x14ac:dyDescent="0.25">
      <c r="A16" s="57" t="s">
        <v>0</v>
      </c>
      <c r="B16" s="58" t="s">
        <v>10</v>
      </c>
      <c r="C16" s="58" t="s">
        <v>11</v>
      </c>
      <c r="D16" s="59" t="s">
        <v>19</v>
      </c>
      <c r="E16" s="122" t="s">
        <v>20</v>
      </c>
      <c r="F16" s="60" t="s">
        <v>21</v>
      </c>
      <c r="G16" s="61" t="s">
        <v>22</v>
      </c>
      <c r="H16" s="33" t="s">
        <v>23</v>
      </c>
      <c r="I16" s="62" t="s">
        <v>24</v>
      </c>
      <c r="J16" s="63" t="s">
        <v>25</v>
      </c>
      <c r="K16" s="9" t="s">
        <v>26</v>
      </c>
      <c r="L16" s="8" t="s">
        <v>27</v>
      </c>
      <c r="M16" s="64"/>
      <c r="N16" s="56"/>
      <c r="O16" s="56"/>
      <c r="P16" s="65"/>
      <c r="Q16" s="65"/>
      <c r="R16" s="65"/>
      <c r="S16" s="66"/>
      <c r="T16" s="66"/>
      <c r="U16" s="66"/>
      <c r="V16" s="66"/>
      <c r="W16" s="66"/>
      <c r="X16" s="66"/>
      <c r="Y16" s="66"/>
      <c r="Z16" s="66"/>
      <c r="AA16" s="66"/>
      <c r="AB16" s="66"/>
      <c r="AC16" s="66"/>
      <c r="AD16" s="66"/>
      <c r="AE16" s="66"/>
      <c r="AF16" s="66"/>
      <c r="AG16" s="66"/>
      <c r="AH16" s="66"/>
      <c r="AI16" s="66"/>
      <c r="AJ16" s="66"/>
      <c r="AK16" s="66"/>
      <c r="AL16" s="66"/>
      <c r="AM16" s="66"/>
      <c r="AN16" s="66"/>
      <c r="AO16" s="66"/>
      <c r="AP16" s="66"/>
      <c r="AQ16" s="66"/>
      <c r="AR16" s="66"/>
      <c r="AS16" s="66"/>
      <c r="AT16" s="66"/>
      <c r="AU16" s="66"/>
      <c r="AV16" s="66"/>
      <c r="AW16" s="66"/>
      <c r="AX16" s="66"/>
      <c r="AY16" s="66"/>
      <c r="AZ16" s="66"/>
      <c r="BA16" s="66"/>
      <c r="BB16" s="66"/>
      <c r="BC16" s="66"/>
      <c r="BD16" s="66"/>
      <c r="BE16" s="66"/>
      <c r="BF16" s="66"/>
      <c r="BG16" s="66"/>
      <c r="BH16" s="66"/>
      <c r="BI16" s="66"/>
      <c r="BJ16" s="66"/>
      <c r="BK16" s="66"/>
      <c r="BL16" s="66"/>
    </row>
    <row r="17" spans="1:64" s="74" customFormat="1" ht="24.95" customHeight="1" x14ac:dyDescent="0.25">
      <c r="A17" s="14" t="s">
        <v>0</v>
      </c>
      <c r="B17" s="68"/>
      <c r="C17" s="10"/>
      <c r="D17" s="11"/>
      <c r="E17" s="11"/>
      <c r="F17" s="11"/>
      <c r="G17" s="11"/>
      <c r="H17" s="11"/>
      <c r="I17" s="69"/>
      <c r="J17" s="70"/>
      <c r="K17" s="71"/>
      <c r="L17" s="136"/>
      <c r="M17" s="72"/>
      <c r="N17" s="73"/>
      <c r="O17" s="73"/>
      <c r="P17" s="35"/>
      <c r="Q17" s="35"/>
      <c r="R17" s="35"/>
    </row>
    <row r="18" spans="1:64" s="74" customFormat="1" ht="24.95" customHeight="1" x14ac:dyDescent="0.25">
      <c r="A18" s="13" t="s">
        <v>10</v>
      </c>
      <c r="B18" s="75"/>
      <c r="C18" s="12"/>
      <c r="D18" s="13"/>
      <c r="E18" s="13"/>
      <c r="F18" s="13"/>
      <c r="G18" s="13"/>
      <c r="H18" s="14"/>
      <c r="I18" s="69"/>
      <c r="J18" s="70"/>
      <c r="K18" s="71"/>
      <c r="L18" s="137"/>
      <c r="M18" s="72"/>
      <c r="N18" s="73"/>
      <c r="O18" s="73"/>
      <c r="P18" s="35"/>
      <c r="Q18" s="35"/>
      <c r="R18" s="35"/>
    </row>
    <row r="19" spans="1:64" s="74" customFormat="1" ht="24.95" customHeight="1" x14ac:dyDescent="0.25">
      <c r="A19" s="76" t="s">
        <v>11</v>
      </c>
      <c r="B19" s="77"/>
      <c r="C19" s="78"/>
      <c r="D19" s="76"/>
      <c r="E19" s="76"/>
      <c r="F19" s="76"/>
      <c r="G19" s="76"/>
      <c r="H19" s="76"/>
      <c r="I19" s="79"/>
      <c r="J19" s="118"/>
      <c r="K19" s="119"/>
      <c r="L19" s="138"/>
      <c r="M19" s="72"/>
      <c r="N19" s="73"/>
      <c r="O19" s="73"/>
      <c r="P19" s="35"/>
      <c r="Q19" s="35"/>
      <c r="R19" s="35"/>
    </row>
    <row r="20" spans="1:64" s="74" customFormat="1" ht="24.95" customHeight="1" x14ac:dyDescent="0.25">
      <c r="A20" s="80"/>
      <c r="B20" s="81"/>
      <c r="C20" s="81"/>
      <c r="D20" s="80"/>
      <c r="E20" s="80"/>
      <c r="F20" s="80"/>
      <c r="G20" s="80"/>
      <c r="H20" s="80"/>
      <c r="I20" s="130"/>
      <c r="J20" s="131"/>
      <c r="K20" s="130"/>
      <c r="L20" s="132"/>
      <c r="M20" s="72"/>
      <c r="N20" s="73"/>
      <c r="O20" s="73"/>
      <c r="P20" s="35"/>
      <c r="Q20" s="35"/>
      <c r="R20" s="35"/>
    </row>
    <row r="21" spans="1:64" s="53" customFormat="1" ht="29.25" customHeight="1" x14ac:dyDescent="0.25">
      <c r="A21" s="139" t="s">
        <v>60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139"/>
      <c r="M21" s="127"/>
      <c r="N21" s="52"/>
      <c r="O21" s="52"/>
      <c r="P21" s="52"/>
      <c r="Q21" s="52"/>
      <c r="R21" s="52"/>
    </row>
    <row r="22" spans="1:64" s="55" customFormat="1" ht="33" customHeight="1" x14ac:dyDescent="0.25">
      <c r="A22" s="140" t="s">
        <v>7</v>
      </c>
      <c r="B22" s="140" t="s">
        <v>30</v>
      </c>
      <c r="C22" s="140" t="s">
        <v>51</v>
      </c>
      <c r="D22" s="140" t="s">
        <v>9</v>
      </c>
      <c r="E22" s="128" t="s">
        <v>31</v>
      </c>
      <c r="F22" s="140" t="s">
        <v>32</v>
      </c>
      <c r="G22" s="140" t="s">
        <v>52</v>
      </c>
      <c r="H22" s="140" t="s">
        <v>33</v>
      </c>
      <c r="I22" s="142" t="s">
        <v>34</v>
      </c>
      <c r="J22" s="143"/>
      <c r="K22" s="143"/>
      <c r="L22" s="144" t="s">
        <v>40</v>
      </c>
      <c r="M22" s="54"/>
      <c r="N22" s="135"/>
      <c r="O22" s="135"/>
      <c r="P22" s="25"/>
      <c r="Q22" s="25"/>
      <c r="R22" s="25"/>
    </row>
    <row r="23" spans="1:64" s="55" customFormat="1" ht="23.25" customHeight="1" x14ac:dyDescent="0.25">
      <c r="A23" s="141"/>
      <c r="B23" s="141"/>
      <c r="C23" s="141"/>
      <c r="D23" s="141"/>
      <c r="E23" s="129"/>
      <c r="F23" s="141"/>
      <c r="G23" s="141"/>
      <c r="H23" s="141"/>
      <c r="I23" s="5" t="s">
        <v>17</v>
      </c>
      <c r="J23" s="6" t="s">
        <v>35</v>
      </c>
      <c r="K23" s="7" t="s">
        <v>18</v>
      </c>
      <c r="L23" s="145"/>
      <c r="M23" s="54"/>
      <c r="N23" s="56"/>
      <c r="O23" s="56"/>
      <c r="P23" s="25"/>
      <c r="Q23" s="25"/>
      <c r="R23" s="25"/>
    </row>
    <row r="24" spans="1:64" s="67" customFormat="1" ht="14.1" customHeight="1" x14ac:dyDescent="0.25">
      <c r="A24" s="57" t="s">
        <v>0</v>
      </c>
      <c r="B24" s="58" t="s">
        <v>10</v>
      </c>
      <c r="C24" s="58" t="s">
        <v>11</v>
      </c>
      <c r="D24" s="59" t="s">
        <v>19</v>
      </c>
      <c r="E24" s="122" t="s">
        <v>20</v>
      </c>
      <c r="F24" s="60" t="s">
        <v>21</v>
      </c>
      <c r="G24" s="61" t="s">
        <v>22</v>
      </c>
      <c r="H24" s="33" t="s">
        <v>23</v>
      </c>
      <c r="I24" s="62" t="s">
        <v>24</v>
      </c>
      <c r="J24" s="63" t="s">
        <v>25</v>
      </c>
      <c r="K24" s="9" t="s">
        <v>26</v>
      </c>
      <c r="L24" s="8" t="s">
        <v>27</v>
      </c>
      <c r="M24" s="64"/>
      <c r="N24" s="56"/>
      <c r="O24" s="56"/>
      <c r="P24" s="65"/>
      <c r="Q24" s="65"/>
      <c r="R24" s="65"/>
      <c r="S24" s="66"/>
      <c r="T24" s="66"/>
      <c r="U24" s="66"/>
      <c r="V24" s="66"/>
      <c r="W24" s="66"/>
      <c r="X24" s="66"/>
      <c r="Y24" s="66"/>
      <c r="Z24" s="66"/>
      <c r="AA24" s="66"/>
      <c r="AB24" s="66"/>
      <c r="AC24" s="66"/>
      <c r="AD24" s="66"/>
      <c r="AE24" s="66"/>
      <c r="AF24" s="66"/>
      <c r="AG24" s="66"/>
      <c r="AH24" s="66"/>
      <c r="AI24" s="66"/>
      <c r="AJ24" s="66"/>
      <c r="AK24" s="66"/>
      <c r="AL24" s="66"/>
      <c r="AM24" s="66"/>
      <c r="AN24" s="66"/>
      <c r="AO24" s="66"/>
      <c r="AP24" s="66"/>
      <c r="AQ24" s="66"/>
      <c r="AR24" s="66"/>
      <c r="AS24" s="66"/>
      <c r="AT24" s="66"/>
      <c r="AU24" s="66"/>
      <c r="AV24" s="66"/>
      <c r="AW24" s="66"/>
      <c r="AX24" s="66"/>
      <c r="AY24" s="66"/>
      <c r="AZ24" s="66"/>
      <c r="BA24" s="66"/>
      <c r="BB24" s="66"/>
      <c r="BC24" s="66"/>
      <c r="BD24" s="66"/>
      <c r="BE24" s="66"/>
      <c r="BF24" s="66"/>
      <c r="BG24" s="66"/>
      <c r="BH24" s="66"/>
      <c r="BI24" s="66"/>
      <c r="BJ24" s="66"/>
      <c r="BK24" s="66"/>
      <c r="BL24" s="66"/>
    </row>
    <row r="25" spans="1:64" s="74" customFormat="1" ht="24.95" customHeight="1" x14ac:dyDescent="0.25">
      <c r="A25" s="14" t="s">
        <v>0</v>
      </c>
      <c r="B25" s="68"/>
      <c r="C25" s="10"/>
      <c r="D25" s="11"/>
      <c r="E25" s="11"/>
      <c r="F25" s="11"/>
      <c r="G25" s="11"/>
      <c r="H25" s="11"/>
      <c r="I25" s="69"/>
      <c r="J25" s="70"/>
      <c r="K25" s="71"/>
      <c r="L25" s="136"/>
      <c r="M25" s="72"/>
      <c r="N25" s="73"/>
      <c r="O25" s="73"/>
      <c r="P25" s="35"/>
      <c r="Q25" s="35"/>
      <c r="R25" s="35"/>
    </row>
    <row r="26" spans="1:64" s="74" customFormat="1" ht="24.95" customHeight="1" x14ac:dyDescent="0.25">
      <c r="A26" s="13" t="s">
        <v>10</v>
      </c>
      <c r="B26" s="75"/>
      <c r="C26" s="12"/>
      <c r="D26" s="13"/>
      <c r="E26" s="13"/>
      <c r="F26" s="13"/>
      <c r="G26" s="13"/>
      <c r="H26" s="14"/>
      <c r="I26" s="69"/>
      <c r="J26" s="70"/>
      <c r="K26" s="71"/>
      <c r="L26" s="137"/>
      <c r="M26" s="72"/>
      <c r="N26" s="73"/>
      <c r="O26" s="73"/>
      <c r="P26" s="35"/>
      <c r="Q26" s="35"/>
      <c r="R26" s="35"/>
    </row>
    <row r="27" spans="1:64" s="74" customFormat="1" ht="24.95" customHeight="1" x14ac:dyDescent="0.25">
      <c r="A27" s="76" t="s">
        <v>11</v>
      </c>
      <c r="B27" s="77"/>
      <c r="C27" s="78"/>
      <c r="D27" s="76"/>
      <c r="E27" s="76"/>
      <c r="F27" s="76"/>
      <c r="G27" s="76"/>
      <c r="H27" s="76"/>
      <c r="I27" s="79"/>
      <c r="J27" s="118"/>
      <c r="K27" s="119"/>
      <c r="L27" s="138"/>
      <c r="M27" s="72"/>
      <c r="N27" s="73"/>
      <c r="O27" s="73"/>
      <c r="P27" s="35"/>
      <c r="Q27" s="35"/>
      <c r="R27" s="35"/>
    </row>
    <row r="28" spans="1:64" s="74" customFormat="1" ht="24.95" customHeight="1" x14ac:dyDescent="0.25">
      <c r="A28" s="80"/>
      <c r="B28" s="81"/>
      <c r="C28" s="81"/>
      <c r="D28" s="80"/>
      <c r="E28" s="80"/>
      <c r="F28" s="80"/>
      <c r="G28" s="80"/>
      <c r="H28" s="80"/>
      <c r="I28" s="130"/>
      <c r="J28" s="131"/>
      <c r="K28" s="130"/>
      <c r="L28" s="132"/>
      <c r="M28" s="72"/>
      <c r="N28" s="73"/>
      <c r="O28" s="73"/>
      <c r="P28" s="35"/>
      <c r="Q28" s="35"/>
      <c r="R28" s="35"/>
    </row>
    <row r="29" spans="1:64" s="53" customFormat="1" ht="29.25" customHeight="1" x14ac:dyDescent="0.25">
      <c r="A29" s="139" t="s">
        <v>61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139"/>
      <c r="M29" s="127"/>
      <c r="N29" s="52"/>
      <c r="O29" s="52"/>
      <c r="P29" s="52"/>
      <c r="Q29" s="52"/>
      <c r="R29" s="52"/>
    </row>
    <row r="30" spans="1:64" s="55" customFormat="1" ht="33" customHeight="1" x14ac:dyDescent="0.25">
      <c r="A30" s="140" t="s">
        <v>7</v>
      </c>
      <c r="B30" s="140" t="s">
        <v>30</v>
      </c>
      <c r="C30" s="140" t="s">
        <v>51</v>
      </c>
      <c r="D30" s="140" t="s">
        <v>9</v>
      </c>
      <c r="E30" s="128" t="s">
        <v>31</v>
      </c>
      <c r="F30" s="140" t="s">
        <v>32</v>
      </c>
      <c r="G30" s="140" t="s">
        <v>52</v>
      </c>
      <c r="H30" s="140" t="s">
        <v>33</v>
      </c>
      <c r="I30" s="142" t="s">
        <v>34</v>
      </c>
      <c r="J30" s="143"/>
      <c r="K30" s="143"/>
      <c r="L30" s="144" t="s">
        <v>40</v>
      </c>
      <c r="M30" s="54"/>
      <c r="N30" s="135"/>
      <c r="O30" s="135"/>
      <c r="P30" s="25"/>
      <c r="Q30" s="25"/>
      <c r="R30" s="25"/>
    </row>
    <row r="31" spans="1:64" s="55" customFormat="1" ht="23.25" customHeight="1" x14ac:dyDescent="0.25">
      <c r="A31" s="141"/>
      <c r="B31" s="141"/>
      <c r="C31" s="141"/>
      <c r="D31" s="141"/>
      <c r="E31" s="129"/>
      <c r="F31" s="141"/>
      <c r="G31" s="141"/>
      <c r="H31" s="141"/>
      <c r="I31" s="5" t="s">
        <v>17</v>
      </c>
      <c r="J31" s="6" t="s">
        <v>35</v>
      </c>
      <c r="K31" s="7" t="s">
        <v>18</v>
      </c>
      <c r="L31" s="145"/>
      <c r="M31" s="54"/>
      <c r="N31" s="56"/>
      <c r="O31" s="56"/>
      <c r="P31" s="25"/>
      <c r="Q31" s="25"/>
      <c r="R31" s="25"/>
    </row>
    <row r="32" spans="1:64" s="67" customFormat="1" ht="14.1" customHeight="1" x14ac:dyDescent="0.25">
      <c r="A32" s="57" t="s">
        <v>0</v>
      </c>
      <c r="B32" s="58" t="s">
        <v>10</v>
      </c>
      <c r="C32" s="58" t="s">
        <v>11</v>
      </c>
      <c r="D32" s="59" t="s">
        <v>19</v>
      </c>
      <c r="E32" s="122" t="s">
        <v>20</v>
      </c>
      <c r="F32" s="60" t="s">
        <v>21</v>
      </c>
      <c r="G32" s="61" t="s">
        <v>22</v>
      </c>
      <c r="H32" s="33" t="s">
        <v>23</v>
      </c>
      <c r="I32" s="62" t="s">
        <v>24</v>
      </c>
      <c r="J32" s="63" t="s">
        <v>25</v>
      </c>
      <c r="K32" s="9" t="s">
        <v>26</v>
      </c>
      <c r="L32" s="8" t="s">
        <v>27</v>
      </c>
      <c r="M32" s="64"/>
      <c r="N32" s="56"/>
      <c r="O32" s="56"/>
      <c r="P32" s="65"/>
      <c r="Q32" s="65"/>
      <c r="R32" s="65"/>
      <c r="S32" s="66"/>
      <c r="T32" s="66"/>
      <c r="U32" s="66"/>
      <c r="V32" s="66"/>
      <c r="W32" s="66"/>
      <c r="X32" s="66"/>
      <c r="Y32" s="66"/>
      <c r="Z32" s="66"/>
      <c r="AA32" s="66"/>
      <c r="AB32" s="66"/>
      <c r="AC32" s="66"/>
      <c r="AD32" s="66"/>
      <c r="AE32" s="66"/>
      <c r="AF32" s="66"/>
      <c r="AG32" s="66"/>
      <c r="AH32" s="66"/>
      <c r="AI32" s="66"/>
      <c r="AJ32" s="66"/>
      <c r="AK32" s="66"/>
      <c r="AL32" s="66"/>
      <c r="AM32" s="66"/>
      <c r="AN32" s="66"/>
      <c r="AO32" s="66"/>
      <c r="AP32" s="66"/>
      <c r="AQ32" s="66"/>
      <c r="AR32" s="66"/>
      <c r="AS32" s="66"/>
      <c r="AT32" s="66"/>
      <c r="AU32" s="66"/>
      <c r="AV32" s="66"/>
      <c r="AW32" s="66"/>
      <c r="AX32" s="66"/>
      <c r="AY32" s="66"/>
      <c r="AZ32" s="66"/>
      <c r="BA32" s="66"/>
      <c r="BB32" s="66"/>
      <c r="BC32" s="66"/>
      <c r="BD32" s="66"/>
      <c r="BE32" s="66"/>
      <c r="BF32" s="66"/>
      <c r="BG32" s="66"/>
      <c r="BH32" s="66"/>
      <c r="BI32" s="66"/>
      <c r="BJ32" s="66"/>
      <c r="BK32" s="66"/>
      <c r="BL32" s="66"/>
    </row>
    <row r="33" spans="1:64" s="74" customFormat="1" ht="24.95" customHeight="1" x14ac:dyDescent="0.25">
      <c r="A33" s="14" t="s">
        <v>0</v>
      </c>
      <c r="B33" s="68"/>
      <c r="C33" s="10"/>
      <c r="D33" s="11"/>
      <c r="E33" s="11"/>
      <c r="F33" s="11"/>
      <c r="G33" s="11"/>
      <c r="H33" s="11"/>
      <c r="I33" s="69"/>
      <c r="J33" s="70"/>
      <c r="K33" s="71"/>
      <c r="L33" s="136"/>
      <c r="M33" s="72"/>
      <c r="N33" s="73"/>
      <c r="O33" s="73"/>
      <c r="P33" s="35"/>
      <c r="Q33" s="35"/>
      <c r="R33" s="35"/>
    </row>
    <row r="34" spans="1:64" s="74" customFormat="1" ht="24.95" customHeight="1" x14ac:dyDescent="0.25">
      <c r="A34" s="13" t="s">
        <v>10</v>
      </c>
      <c r="B34" s="75"/>
      <c r="C34" s="12"/>
      <c r="D34" s="13"/>
      <c r="E34" s="13"/>
      <c r="F34" s="13"/>
      <c r="G34" s="13"/>
      <c r="H34" s="14"/>
      <c r="I34" s="69"/>
      <c r="J34" s="70"/>
      <c r="K34" s="71"/>
      <c r="L34" s="137"/>
      <c r="M34" s="72"/>
      <c r="N34" s="73"/>
      <c r="O34" s="73"/>
      <c r="P34" s="35"/>
      <c r="Q34" s="35"/>
      <c r="R34" s="35"/>
    </row>
    <row r="35" spans="1:64" s="74" customFormat="1" ht="24.95" customHeight="1" x14ac:dyDescent="0.25">
      <c r="A35" s="76" t="s">
        <v>11</v>
      </c>
      <c r="B35" s="77"/>
      <c r="C35" s="78"/>
      <c r="D35" s="76"/>
      <c r="E35" s="76"/>
      <c r="F35" s="76"/>
      <c r="G35" s="76"/>
      <c r="H35" s="76"/>
      <c r="I35" s="79"/>
      <c r="J35" s="118"/>
      <c r="K35" s="119"/>
      <c r="L35" s="138"/>
      <c r="M35" s="72"/>
      <c r="N35" s="73"/>
      <c r="O35" s="73"/>
      <c r="P35" s="35"/>
      <c r="Q35" s="35"/>
      <c r="R35" s="35"/>
    </row>
    <row r="36" spans="1:64" s="74" customFormat="1" ht="24.95" customHeight="1" x14ac:dyDescent="0.25">
      <c r="A36" s="80"/>
      <c r="B36" s="81"/>
      <c r="C36" s="81"/>
      <c r="D36" s="80"/>
      <c r="E36" s="80"/>
      <c r="F36" s="80"/>
      <c r="G36" s="80"/>
      <c r="H36" s="80"/>
      <c r="I36" s="130"/>
      <c r="J36" s="131"/>
      <c r="K36" s="130"/>
      <c r="L36" s="132"/>
      <c r="M36" s="72"/>
      <c r="N36" s="73"/>
      <c r="O36" s="73"/>
      <c r="P36" s="35"/>
      <c r="Q36" s="35"/>
      <c r="R36" s="35"/>
    </row>
    <row r="37" spans="1:64" s="53" customFormat="1" ht="29.25" customHeight="1" x14ac:dyDescent="0.25">
      <c r="A37" s="139" t="s">
        <v>62</v>
      </c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139"/>
      <c r="M37" s="127"/>
      <c r="N37" s="52"/>
      <c r="O37" s="52"/>
      <c r="P37" s="52"/>
      <c r="Q37" s="52"/>
      <c r="R37" s="52"/>
    </row>
    <row r="38" spans="1:64" s="55" customFormat="1" ht="33" customHeight="1" x14ac:dyDescent="0.25">
      <c r="A38" s="140" t="s">
        <v>7</v>
      </c>
      <c r="B38" s="140" t="s">
        <v>30</v>
      </c>
      <c r="C38" s="140" t="s">
        <v>51</v>
      </c>
      <c r="D38" s="140" t="s">
        <v>9</v>
      </c>
      <c r="E38" s="128" t="s">
        <v>31</v>
      </c>
      <c r="F38" s="140" t="s">
        <v>32</v>
      </c>
      <c r="G38" s="140" t="s">
        <v>52</v>
      </c>
      <c r="H38" s="140" t="s">
        <v>33</v>
      </c>
      <c r="I38" s="142" t="s">
        <v>34</v>
      </c>
      <c r="J38" s="143"/>
      <c r="K38" s="143"/>
      <c r="L38" s="144" t="s">
        <v>40</v>
      </c>
      <c r="M38" s="54"/>
      <c r="N38" s="135"/>
      <c r="O38" s="135"/>
      <c r="P38" s="25"/>
      <c r="Q38" s="25"/>
      <c r="R38" s="25"/>
    </row>
    <row r="39" spans="1:64" s="55" customFormat="1" ht="23.25" customHeight="1" x14ac:dyDescent="0.25">
      <c r="A39" s="141"/>
      <c r="B39" s="141"/>
      <c r="C39" s="141"/>
      <c r="D39" s="141"/>
      <c r="E39" s="129"/>
      <c r="F39" s="141"/>
      <c r="G39" s="141"/>
      <c r="H39" s="141"/>
      <c r="I39" s="5" t="s">
        <v>17</v>
      </c>
      <c r="J39" s="6" t="s">
        <v>35</v>
      </c>
      <c r="K39" s="7" t="s">
        <v>18</v>
      </c>
      <c r="L39" s="145"/>
      <c r="M39" s="54"/>
      <c r="N39" s="56"/>
      <c r="O39" s="56"/>
      <c r="P39" s="25"/>
      <c r="Q39" s="25"/>
      <c r="R39" s="25"/>
    </row>
    <row r="40" spans="1:64" s="67" customFormat="1" ht="14.1" customHeight="1" x14ac:dyDescent="0.25">
      <c r="A40" s="57" t="s">
        <v>0</v>
      </c>
      <c r="B40" s="58" t="s">
        <v>10</v>
      </c>
      <c r="C40" s="58" t="s">
        <v>11</v>
      </c>
      <c r="D40" s="59" t="s">
        <v>19</v>
      </c>
      <c r="E40" s="122" t="s">
        <v>20</v>
      </c>
      <c r="F40" s="60" t="s">
        <v>21</v>
      </c>
      <c r="G40" s="61" t="s">
        <v>22</v>
      </c>
      <c r="H40" s="33" t="s">
        <v>23</v>
      </c>
      <c r="I40" s="62" t="s">
        <v>24</v>
      </c>
      <c r="J40" s="63" t="s">
        <v>25</v>
      </c>
      <c r="K40" s="9" t="s">
        <v>26</v>
      </c>
      <c r="L40" s="8" t="s">
        <v>27</v>
      </c>
      <c r="M40" s="64"/>
      <c r="N40" s="56"/>
      <c r="O40" s="56"/>
      <c r="P40" s="65"/>
      <c r="Q40" s="65"/>
      <c r="R40" s="65"/>
      <c r="S40" s="66"/>
      <c r="T40" s="66"/>
      <c r="U40" s="66"/>
      <c r="V40" s="66"/>
      <c r="W40" s="66"/>
      <c r="X40" s="66"/>
      <c r="Y40" s="66"/>
      <c r="Z40" s="66"/>
      <c r="AA40" s="66"/>
      <c r="AB40" s="66"/>
      <c r="AC40" s="66"/>
      <c r="AD40" s="66"/>
      <c r="AE40" s="66"/>
      <c r="AF40" s="66"/>
      <c r="AG40" s="66"/>
      <c r="AH40" s="66"/>
      <c r="AI40" s="66"/>
      <c r="AJ40" s="66"/>
      <c r="AK40" s="66"/>
      <c r="AL40" s="66"/>
      <c r="AM40" s="66"/>
      <c r="AN40" s="66"/>
      <c r="AO40" s="66"/>
      <c r="AP40" s="66"/>
      <c r="AQ40" s="66"/>
      <c r="AR40" s="66"/>
      <c r="AS40" s="66"/>
      <c r="AT40" s="66"/>
      <c r="AU40" s="66"/>
      <c r="AV40" s="66"/>
      <c r="AW40" s="66"/>
      <c r="AX40" s="66"/>
      <c r="AY40" s="66"/>
      <c r="AZ40" s="66"/>
      <c r="BA40" s="66"/>
      <c r="BB40" s="66"/>
      <c r="BC40" s="66"/>
      <c r="BD40" s="66"/>
      <c r="BE40" s="66"/>
      <c r="BF40" s="66"/>
      <c r="BG40" s="66"/>
      <c r="BH40" s="66"/>
      <c r="BI40" s="66"/>
      <c r="BJ40" s="66"/>
      <c r="BK40" s="66"/>
      <c r="BL40" s="66"/>
    </row>
    <row r="41" spans="1:64" s="74" customFormat="1" ht="24.95" customHeight="1" x14ac:dyDescent="0.25">
      <c r="A41" s="14" t="s">
        <v>0</v>
      </c>
      <c r="B41" s="68"/>
      <c r="C41" s="10"/>
      <c r="D41" s="11"/>
      <c r="E41" s="11"/>
      <c r="F41" s="11"/>
      <c r="G41" s="11"/>
      <c r="H41" s="11"/>
      <c r="I41" s="69"/>
      <c r="J41" s="70"/>
      <c r="K41" s="71"/>
      <c r="L41" s="136"/>
      <c r="M41" s="72"/>
      <c r="N41" s="73"/>
      <c r="O41" s="73"/>
      <c r="P41" s="35"/>
      <c r="Q41" s="35"/>
      <c r="R41" s="35"/>
    </row>
    <row r="42" spans="1:64" s="74" customFormat="1" ht="24.95" customHeight="1" x14ac:dyDescent="0.25">
      <c r="A42" s="13" t="s">
        <v>10</v>
      </c>
      <c r="B42" s="75"/>
      <c r="C42" s="12"/>
      <c r="D42" s="13"/>
      <c r="E42" s="13"/>
      <c r="F42" s="13"/>
      <c r="G42" s="13"/>
      <c r="H42" s="14"/>
      <c r="I42" s="69"/>
      <c r="J42" s="70"/>
      <c r="K42" s="71"/>
      <c r="L42" s="137"/>
      <c r="M42" s="72"/>
      <c r="N42" s="73"/>
      <c r="O42" s="73"/>
      <c r="P42" s="35"/>
      <c r="Q42" s="35"/>
      <c r="R42" s="35"/>
    </row>
    <row r="43" spans="1:64" s="74" customFormat="1" ht="24.95" customHeight="1" x14ac:dyDescent="0.25">
      <c r="A43" s="76" t="s">
        <v>11</v>
      </c>
      <c r="B43" s="77"/>
      <c r="C43" s="78"/>
      <c r="D43" s="76"/>
      <c r="E43" s="76"/>
      <c r="F43" s="76"/>
      <c r="G43" s="76"/>
      <c r="H43" s="76"/>
      <c r="I43" s="79"/>
      <c r="J43" s="118"/>
      <c r="K43" s="119"/>
      <c r="L43" s="138"/>
      <c r="M43" s="72"/>
      <c r="N43" s="73"/>
      <c r="O43" s="73"/>
      <c r="P43" s="35"/>
      <c r="Q43" s="35"/>
      <c r="R43" s="35"/>
    </row>
    <row r="44" spans="1:64" s="74" customFormat="1" ht="24.95" customHeight="1" x14ac:dyDescent="0.25">
      <c r="A44" s="80"/>
      <c r="B44" s="81"/>
      <c r="C44" s="81"/>
      <c r="D44" s="80"/>
      <c r="E44" s="80"/>
      <c r="F44" s="80"/>
      <c r="G44" s="80"/>
      <c r="H44" s="80"/>
      <c r="I44" s="130"/>
      <c r="J44" s="131"/>
      <c r="K44" s="130"/>
      <c r="L44" s="132"/>
      <c r="M44" s="72"/>
      <c r="N44" s="73"/>
      <c r="O44" s="73"/>
      <c r="P44" s="35"/>
      <c r="Q44" s="35"/>
      <c r="R44" s="35"/>
    </row>
    <row r="45" spans="1:64" s="74" customFormat="1" ht="20.25" customHeight="1" x14ac:dyDescent="0.25">
      <c r="A45" s="80"/>
      <c r="B45" s="81"/>
      <c r="C45" s="81"/>
      <c r="D45" s="80"/>
      <c r="E45" s="80"/>
      <c r="F45" s="80"/>
      <c r="G45" s="80"/>
      <c r="H45" s="80"/>
      <c r="I45" s="130"/>
      <c r="J45" s="131"/>
      <c r="K45" s="130"/>
      <c r="L45" s="132"/>
      <c r="M45" s="72"/>
      <c r="N45" s="73"/>
      <c r="O45" s="73"/>
      <c r="P45" s="35"/>
      <c r="Q45" s="35"/>
      <c r="R45" s="35"/>
    </row>
    <row r="46" spans="1:64" s="16" customFormat="1" ht="20.100000000000001" customHeight="1" x14ac:dyDescent="0.2">
      <c r="A46" s="154" t="s">
        <v>41</v>
      </c>
      <c r="B46" s="154"/>
      <c r="C46" s="154"/>
      <c r="D46" s="154"/>
      <c r="E46" s="154"/>
      <c r="F46" s="154"/>
      <c r="G46" s="154"/>
      <c r="H46" s="154"/>
      <c r="I46" s="154"/>
      <c r="J46" s="154"/>
      <c r="K46" s="154"/>
      <c r="L46" s="154"/>
      <c r="M46" s="83"/>
      <c r="N46" s="18"/>
      <c r="O46" s="18"/>
    </row>
    <row r="47" spans="1:64" s="16" customFormat="1" ht="20.100000000000001" customHeight="1" x14ac:dyDescent="0.2">
      <c r="A47" s="147" t="s">
        <v>36</v>
      </c>
      <c r="B47" s="147"/>
      <c r="C47" s="147"/>
      <c r="D47" s="147"/>
      <c r="E47" s="147"/>
      <c r="F47" s="147"/>
      <c r="G47" s="147"/>
      <c r="H47" s="147"/>
      <c r="I47" s="147"/>
      <c r="J47" s="147"/>
      <c r="K47" s="147"/>
      <c r="L47" s="147"/>
      <c r="M47" s="84"/>
      <c r="N47" s="18"/>
      <c r="O47" s="18"/>
    </row>
    <row r="48" spans="1:64" s="74" customFormat="1" ht="33" customHeight="1" x14ac:dyDescent="0.25">
      <c r="A48" s="80"/>
      <c r="B48" s="81"/>
      <c r="C48" s="81"/>
      <c r="D48" s="80"/>
      <c r="E48" s="80"/>
      <c r="F48" s="80"/>
      <c r="G48" s="80"/>
      <c r="H48" s="80"/>
      <c r="I48" s="80"/>
      <c r="J48" s="82"/>
      <c r="K48" s="85"/>
      <c r="L48" s="82"/>
      <c r="M48" s="82"/>
      <c r="N48" s="86"/>
      <c r="O48" s="35"/>
      <c r="P48" s="35"/>
      <c r="Q48" s="35"/>
      <c r="R48" s="35"/>
    </row>
    <row r="49" spans="1:64" s="90" customFormat="1" ht="20.100000000000001" customHeight="1" x14ac:dyDescent="0.2">
      <c r="A49" s="87" t="s">
        <v>42</v>
      </c>
      <c r="B49" s="87"/>
      <c r="C49" s="148"/>
      <c r="D49" s="148"/>
      <c r="E49" s="123"/>
      <c r="F49" s="88"/>
      <c r="G49" s="89"/>
      <c r="H49" s="89"/>
      <c r="I49" s="89"/>
      <c r="J49" s="89"/>
      <c r="K49" s="89"/>
      <c r="L49" s="18"/>
      <c r="M49" s="18"/>
      <c r="N49" s="18"/>
    </row>
    <row r="50" spans="1:64" s="90" customFormat="1" ht="20.100000000000001" customHeight="1" x14ac:dyDescent="0.2">
      <c r="A50" s="87" t="s">
        <v>43</v>
      </c>
      <c r="B50" s="87"/>
      <c r="C50" s="149"/>
      <c r="D50" s="149"/>
      <c r="E50" s="124"/>
      <c r="F50" s="91"/>
      <c r="G50" s="89"/>
      <c r="H50" s="89"/>
      <c r="I50" s="89"/>
      <c r="J50" s="89"/>
      <c r="K50" s="89"/>
      <c r="L50" s="92"/>
      <c r="M50" s="92"/>
      <c r="N50" s="93"/>
    </row>
    <row r="51" spans="1:64" s="90" customFormat="1" ht="20.100000000000001" customHeight="1" x14ac:dyDescent="0.2">
      <c r="A51" s="87" t="s">
        <v>15</v>
      </c>
      <c r="B51" s="87"/>
      <c r="C51" s="149"/>
      <c r="D51" s="149"/>
      <c r="E51" s="124"/>
      <c r="F51" s="91"/>
      <c r="G51" s="89"/>
      <c r="H51" s="89"/>
      <c r="I51" s="89"/>
      <c r="J51" s="89"/>
      <c r="K51" s="89"/>
      <c r="L51" s="92"/>
      <c r="M51" s="92"/>
      <c r="N51" s="93"/>
    </row>
    <row r="52" spans="1:64" s="90" customFormat="1" ht="20.100000000000001" customHeight="1" x14ac:dyDescent="0.25">
      <c r="A52" s="87"/>
      <c r="B52" s="87"/>
      <c r="C52" s="87"/>
      <c r="D52" s="94"/>
      <c r="E52" s="94"/>
      <c r="F52" s="91"/>
      <c r="G52" s="89"/>
      <c r="H52" s="89"/>
      <c r="I52" s="89"/>
      <c r="J52" s="89"/>
      <c r="K52" s="89"/>
      <c r="L52" s="92"/>
      <c r="M52" s="92"/>
      <c r="N52" s="93"/>
    </row>
    <row r="53" spans="1:64" s="90" customFormat="1" ht="20.100000000000001" customHeight="1" x14ac:dyDescent="0.2">
      <c r="A53" s="87" t="s">
        <v>44</v>
      </c>
      <c r="B53" s="87"/>
      <c r="C53" s="148"/>
      <c r="D53" s="148"/>
      <c r="E53" s="123"/>
      <c r="F53" s="91"/>
      <c r="G53" s="89"/>
      <c r="H53" s="89"/>
      <c r="I53" s="89"/>
      <c r="J53" s="89"/>
      <c r="K53" s="89"/>
      <c r="L53" s="92"/>
      <c r="M53" s="92"/>
      <c r="N53" s="93"/>
    </row>
    <row r="54" spans="1:64" s="90" customFormat="1" ht="20.100000000000001" customHeight="1" x14ac:dyDescent="0.2">
      <c r="A54" s="87" t="s">
        <v>45</v>
      </c>
      <c r="B54" s="87"/>
      <c r="C54" s="149"/>
      <c r="D54" s="149"/>
      <c r="E54" s="124"/>
      <c r="F54" s="91"/>
      <c r="G54" s="89"/>
      <c r="H54" s="95" t="s">
        <v>2</v>
      </c>
      <c r="I54" s="150"/>
      <c r="J54" s="150"/>
      <c r="K54" s="89"/>
      <c r="L54" s="92"/>
      <c r="M54" s="92"/>
      <c r="N54" s="93"/>
    </row>
    <row r="55" spans="1:64" s="90" customFormat="1" ht="20.100000000000001" customHeight="1" x14ac:dyDescent="0.2">
      <c r="A55" s="87" t="s">
        <v>46</v>
      </c>
      <c r="B55" s="87"/>
      <c r="C55" s="149"/>
      <c r="D55" s="149"/>
      <c r="E55" s="124"/>
      <c r="F55" s="91"/>
      <c r="G55" s="89"/>
      <c r="H55" s="96"/>
      <c r="I55" s="97"/>
      <c r="J55" s="97"/>
    </row>
    <row r="56" spans="1:64" s="90" customFormat="1" ht="20.100000000000001" customHeight="1" x14ac:dyDescent="0.25">
      <c r="A56" s="94"/>
      <c r="B56" s="94"/>
      <c r="C56" s="94"/>
      <c r="D56" s="91"/>
      <c r="E56" s="91"/>
      <c r="F56" s="91"/>
      <c r="G56" s="89"/>
      <c r="H56" s="98" t="s">
        <v>47</v>
      </c>
      <c r="I56" s="151"/>
      <c r="J56" s="151"/>
    </row>
    <row r="57" spans="1:64" s="90" customFormat="1" ht="20.100000000000001" customHeight="1" x14ac:dyDescent="0.25">
      <c r="A57" s="94"/>
      <c r="B57" s="94"/>
      <c r="C57" s="94"/>
      <c r="D57" s="91"/>
      <c r="E57" s="91"/>
      <c r="F57" s="91"/>
      <c r="G57" s="89"/>
      <c r="H57" s="98" t="s">
        <v>4</v>
      </c>
      <c r="I57" s="152"/>
      <c r="J57" s="152"/>
    </row>
    <row r="58" spans="1:64" s="16" customFormat="1" ht="20.100000000000001" customHeight="1" x14ac:dyDescent="0.2">
      <c r="A58" s="15" t="s">
        <v>1</v>
      </c>
      <c r="B58" s="149"/>
      <c r="C58" s="149"/>
      <c r="D58" s="99"/>
      <c r="E58" s="99"/>
      <c r="F58" s="99"/>
      <c r="G58" s="17"/>
      <c r="H58" s="100" t="s">
        <v>5</v>
      </c>
      <c r="I58" s="96"/>
      <c r="J58" s="101"/>
      <c r="O58" s="15"/>
    </row>
    <row r="59" spans="1:64" s="16" customFormat="1" ht="20.100000000000001" customHeight="1" x14ac:dyDescent="0.2">
      <c r="A59" s="15" t="s">
        <v>3</v>
      </c>
      <c r="B59" s="153"/>
      <c r="C59" s="153"/>
      <c r="D59" s="99"/>
      <c r="E59" s="99"/>
      <c r="F59" s="99"/>
      <c r="G59" s="17"/>
      <c r="H59" s="17"/>
      <c r="I59" s="17"/>
      <c r="J59" s="17"/>
      <c r="O59" s="15"/>
    </row>
    <row r="60" spans="1:64" s="16" customFormat="1" x14ac:dyDescent="0.2">
      <c r="A60" s="15"/>
      <c r="B60" s="15"/>
      <c r="C60" s="15"/>
      <c r="D60" s="99"/>
      <c r="E60" s="99"/>
      <c r="F60" s="99"/>
      <c r="G60" s="17"/>
      <c r="H60" s="17"/>
      <c r="I60" s="17"/>
      <c r="J60" s="17"/>
      <c r="K60" s="17"/>
      <c r="L60" s="102"/>
      <c r="M60" s="102"/>
      <c r="N60" s="15"/>
      <c r="O60" s="15"/>
    </row>
    <row r="61" spans="1:64" s="16" customFormat="1" ht="15" customHeight="1" x14ac:dyDescent="0.2">
      <c r="A61" s="15"/>
      <c r="B61" s="15"/>
      <c r="D61" s="99"/>
      <c r="E61" s="99"/>
      <c r="F61" s="99"/>
      <c r="G61" s="17"/>
      <c r="H61" s="17"/>
      <c r="I61" s="17"/>
      <c r="J61" s="17"/>
      <c r="K61" s="17"/>
      <c r="L61" s="102"/>
      <c r="M61" s="102"/>
      <c r="N61" s="15"/>
      <c r="O61" s="15"/>
    </row>
    <row r="62" spans="1:64" s="103" customFormat="1" x14ac:dyDescent="0.2">
      <c r="A62" s="146" t="s">
        <v>13</v>
      </c>
      <c r="B62" s="146"/>
      <c r="D62" s="104"/>
      <c r="E62" s="104"/>
      <c r="F62" s="104"/>
      <c r="G62" s="105"/>
      <c r="H62" s="105"/>
      <c r="I62" s="105"/>
      <c r="J62" s="105"/>
      <c r="K62" s="105"/>
      <c r="L62" s="106"/>
      <c r="M62" s="106"/>
    </row>
    <row r="63" spans="1:64" ht="14.25" x14ac:dyDescent="0.2">
      <c r="A63" s="4"/>
      <c r="B63" s="107" t="s">
        <v>14</v>
      </c>
    </row>
    <row r="64" spans="1:64" s="108" customFormat="1" ht="6.75" customHeight="1" x14ac:dyDescent="0.2">
      <c r="A64" s="112"/>
      <c r="B64" s="113"/>
      <c r="D64" s="109"/>
      <c r="E64" s="109"/>
      <c r="F64" s="109"/>
      <c r="G64" s="110"/>
      <c r="H64" s="110"/>
      <c r="I64" s="110"/>
      <c r="J64" s="110"/>
      <c r="K64" s="110"/>
      <c r="L64" s="111"/>
      <c r="M64" s="111"/>
      <c r="N64" s="19"/>
      <c r="O64" s="19"/>
      <c r="P64" s="19"/>
      <c r="Q64" s="19"/>
      <c r="R64" s="19"/>
      <c r="S64" s="19"/>
      <c r="T64" s="19"/>
      <c r="U64" s="19"/>
      <c r="V64" s="19"/>
      <c r="W64" s="19"/>
      <c r="X64" s="19"/>
      <c r="Y64" s="19"/>
      <c r="Z64" s="19"/>
      <c r="AA64" s="19"/>
      <c r="AB64" s="19"/>
      <c r="AC64" s="19"/>
      <c r="AD64" s="19"/>
      <c r="AE64" s="19"/>
      <c r="AF64" s="19"/>
      <c r="AG64" s="19"/>
      <c r="AH64" s="19"/>
      <c r="AI64" s="19"/>
      <c r="AJ64" s="19"/>
      <c r="AK64" s="19"/>
      <c r="AL64" s="19"/>
      <c r="AM64" s="19"/>
      <c r="AN64" s="19"/>
      <c r="AO64" s="19"/>
      <c r="AP64" s="19"/>
      <c r="AQ64" s="19"/>
      <c r="AR64" s="19"/>
      <c r="AS64" s="19"/>
      <c r="AT64" s="19"/>
      <c r="AU64" s="19"/>
      <c r="AV64" s="19"/>
      <c r="AW64" s="19"/>
      <c r="AX64" s="19"/>
      <c r="AY64" s="19"/>
      <c r="AZ64" s="19"/>
      <c r="BA64" s="19"/>
      <c r="BB64" s="19"/>
      <c r="BC64" s="19"/>
      <c r="BD64" s="19"/>
      <c r="BE64" s="19"/>
      <c r="BF64" s="19"/>
      <c r="BG64" s="19"/>
      <c r="BH64" s="19"/>
      <c r="BI64" s="19"/>
      <c r="BJ64" s="19"/>
      <c r="BK64" s="19"/>
      <c r="BL64" s="19"/>
    </row>
  </sheetData>
  <mergeCells count="74">
    <mergeCell ref="A1:O1"/>
    <mergeCell ref="A3:N3"/>
    <mergeCell ref="A4:A5"/>
    <mergeCell ref="B4:B5"/>
    <mergeCell ref="C4:C5"/>
    <mergeCell ref="D4:D5"/>
    <mergeCell ref="E4:E5"/>
    <mergeCell ref="F4:F5"/>
    <mergeCell ref="G4:G5"/>
    <mergeCell ref="A46:L46"/>
    <mergeCell ref="H4:H5"/>
    <mergeCell ref="J4:M4"/>
    <mergeCell ref="N4:O4"/>
    <mergeCell ref="A13:L13"/>
    <mergeCell ref="A14:A15"/>
    <mergeCell ref="B14:B15"/>
    <mergeCell ref="C14:C15"/>
    <mergeCell ref="D14:D15"/>
    <mergeCell ref="F14:F15"/>
    <mergeCell ref="G14:G15"/>
    <mergeCell ref="H14:H15"/>
    <mergeCell ref="I14:K14"/>
    <mergeCell ref="L14:L15"/>
    <mergeCell ref="N14:O14"/>
    <mergeCell ref="L17:L19"/>
    <mergeCell ref="A62:B62"/>
    <mergeCell ref="A47:L47"/>
    <mergeCell ref="C49:D49"/>
    <mergeCell ref="C50:D50"/>
    <mergeCell ref="C51:D51"/>
    <mergeCell ref="C53:D53"/>
    <mergeCell ref="C54:D54"/>
    <mergeCell ref="I54:J54"/>
    <mergeCell ref="C55:D55"/>
    <mergeCell ref="I56:J56"/>
    <mergeCell ref="I57:J57"/>
    <mergeCell ref="B58:C58"/>
    <mergeCell ref="B59:C59"/>
    <mergeCell ref="A21:L21"/>
    <mergeCell ref="A22:A23"/>
    <mergeCell ref="B22:B23"/>
    <mergeCell ref="C22:C23"/>
    <mergeCell ref="D22:D23"/>
    <mergeCell ref="F22:F23"/>
    <mergeCell ref="G22:G23"/>
    <mergeCell ref="H22:H23"/>
    <mergeCell ref="I22:K22"/>
    <mergeCell ref="L22:L23"/>
    <mergeCell ref="N22:O22"/>
    <mergeCell ref="L25:L27"/>
    <mergeCell ref="A29:L29"/>
    <mergeCell ref="A30:A31"/>
    <mergeCell ref="B30:B31"/>
    <mergeCell ref="C30:C31"/>
    <mergeCell ref="D30:D31"/>
    <mergeCell ref="F30:F31"/>
    <mergeCell ref="G30:G31"/>
    <mergeCell ref="H30:H31"/>
    <mergeCell ref="I30:K30"/>
    <mergeCell ref="L30:L31"/>
    <mergeCell ref="N30:O30"/>
    <mergeCell ref="N38:O38"/>
    <mergeCell ref="L41:L43"/>
    <mergeCell ref="L33:L35"/>
    <mergeCell ref="A37:L37"/>
    <mergeCell ref="A38:A39"/>
    <mergeCell ref="B38:B39"/>
    <mergeCell ref="C38:C39"/>
    <mergeCell ref="D38:D39"/>
    <mergeCell ref="F38:F39"/>
    <mergeCell ref="G38:G39"/>
    <mergeCell ref="H38:H39"/>
    <mergeCell ref="I38:K38"/>
    <mergeCell ref="L38:L39"/>
  </mergeCells>
  <conditionalFormatting sqref="B58:C58">
    <cfRule type="containsBlanks" dxfId="8" priority="12">
      <formula>LEN(TRIM(B58))=0</formula>
    </cfRule>
  </conditionalFormatting>
  <conditionalFormatting sqref="B59:C59">
    <cfRule type="containsBlanks" dxfId="7" priority="11">
      <formula>LEN(TRIM(B59))=0</formula>
    </cfRule>
  </conditionalFormatting>
  <conditionalFormatting sqref="I56:J56">
    <cfRule type="containsBlanks" dxfId="6" priority="10">
      <formula>LEN(TRIM(I56))=0</formula>
    </cfRule>
  </conditionalFormatting>
  <conditionalFormatting sqref="I57:J57">
    <cfRule type="containsBlanks" dxfId="5" priority="9">
      <formula>LEN(TRIM(I57))=0</formula>
    </cfRule>
  </conditionalFormatting>
  <conditionalFormatting sqref="C49:D51">
    <cfRule type="containsBlanks" dxfId="4" priority="8">
      <formula>LEN(TRIM(C49))=0</formula>
    </cfRule>
  </conditionalFormatting>
  <conditionalFormatting sqref="C53:D55">
    <cfRule type="containsBlanks" dxfId="3" priority="7">
      <formula>LEN(TRIM(C53))=0</formula>
    </cfRule>
  </conditionalFormatting>
  <conditionalFormatting sqref="F7:I10">
    <cfRule type="containsBlanks" dxfId="2" priority="3">
      <formula>LEN(TRIM(F7))=0</formula>
    </cfRule>
  </conditionalFormatting>
  <conditionalFormatting sqref="J7:K10">
    <cfRule type="containsBlanks" dxfId="1" priority="2">
      <formula>LEN(TRIM(J7))=0</formula>
    </cfRule>
  </conditionalFormatting>
  <conditionalFormatting sqref="E7:E10">
    <cfRule type="containsBlanks" dxfId="0" priority="1">
      <formula>LEN(TRIM(E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5-05-06T12:42:48Z</dcterms:modified>
</cp:coreProperties>
</file>